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17"/>
  </p:notesMasterIdLst>
  <p:sldIdLst>
    <p:sldId id="256" r:id="rId4"/>
    <p:sldId id="269" r:id="rId5"/>
    <p:sldId id="257" r:id="rId6"/>
    <p:sldId id="258" r:id="rId7"/>
    <p:sldId id="260" r:id="rId8"/>
    <p:sldId id="264" r:id="rId9"/>
    <p:sldId id="266" r:id="rId10"/>
    <p:sldId id="261" r:id="rId11"/>
    <p:sldId id="262" r:id="rId12"/>
    <p:sldId id="265" r:id="rId13"/>
    <p:sldId id="263" r:id="rId14"/>
    <p:sldId id="267" r:id="rId15"/>
    <p:sldId id="268" r:id="rId1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AB10C69-F1BB-4C2E-A14B-2CA11A58D204}" v="4" dt="2023-12-12T09:04:33.54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2" autoAdjust="0"/>
  </p:normalViewPr>
  <p:slideViewPr>
    <p:cSldViewPr snapToGrid="0" showGuides="1">
      <p:cViewPr varScale="1">
        <p:scale>
          <a:sx n="67" d="100"/>
          <a:sy n="67" d="100"/>
        </p:scale>
        <p:origin x="644" y="5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presProps" Target="presProps.xml"/><Relationship Id="rId3" Type="http://schemas.openxmlformats.org/officeDocument/2006/relationships/slideMaster" Target="slideMasters/slideMaster1.xml"/><Relationship Id="rId21" Type="http://schemas.openxmlformats.org/officeDocument/2006/relationships/tableStyles" Target="tableStyles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10" Type="http://schemas.openxmlformats.org/officeDocument/2006/relationships/slide" Target="slides/slide7.xml"/><Relationship Id="rId19" Type="http://schemas.openxmlformats.org/officeDocument/2006/relationships/viewProps" Target="viewProps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microsoft.com/office/2015/10/relationships/revisionInfo" Target="revisionInfo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7/01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1-2024</a:t>
            </a:fld>
            <a:endParaRPr lang="da-DK" dirty="0"/>
          </a:p>
        </p:txBody>
      </p:sp>
      <p:sp>
        <p:nvSpPr>
          <p:cNvPr id="8" name="TextBox 2">
            <a:extLst>
              <a:ext uri="{FF2B5EF4-FFF2-40B4-BE49-F238E27FC236}">
                <a16:creationId xmlns:a16="http://schemas.microsoft.com/office/drawing/2014/main" id="{1FCD2DA3-F13B-6E3D-22B8-1D942381D88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4DCE84B-05D4-46E9-0C63-334D36FF44E0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286327"/>
            <a:ext cx="10069011" cy="5544454"/>
          </a:xfrm>
        </p:spPr>
        <p:txBody>
          <a:bodyPr/>
          <a:lstStyle/>
          <a:p>
            <a:pPr algn="ctr"/>
            <a:r>
              <a:rPr lang="da-DK" dirty="0"/>
              <a:t>Phishing</a:t>
            </a:r>
            <a:br>
              <a:rPr lang="da-DK" dirty="0"/>
            </a:br>
            <a:endParaRPr lang="da-DK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2E932E45-A3FB-4EC6-01C1-07DAD5F6749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679CBD-5F52-4AAD-94FC-4158DA0794CC}" type="datetime1">
              <a:rPr lang="da-DK" smtClean="0"/>
              <a:t>17-01-2024</a:t>
            </a:fld>
            <a:endParaRPr lang="da-DK" dirty="0"/>
          </a:p>
        </p:txBody>
      </p:sp>
      <p:pic>
        <p:nvPicPr>
          <p:cNvPr id="1026" name="Picture 2" descr="Advarsel: Forsøg på phishing på lokale Facebooksider - Frivillig.dk">
            <a:extLst>
              <a:ext uri="{FF2B5EF4-FFF2-40B4-BE49-F238E27FC236}">
                <a16:creationId xmlns:a16="http://schemas.microsoft.com/office/drawing/2014/main" id="{594D4401-98F7-6AF8-0E89-018D348C300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45554" y="1828800"/>
            <a:ext cx="7281573" cy="458681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3533543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ladsholder til indhold 6" descr="Et billede, der indeholder tekst, skærmbillede, software, Webside&#10;&#10;Automatisk genereret beskrivelse">
            <a:extLst>
              <a:ext uri="{FF2B5EF4-FFF2-40B4-BE49-F238E27FC236}">
                <a16:creationId xmlns:a16="http://schemas.microsoft.com/office/drawing/2014/main" id="{3AE23C2E-7D3E-A8D0-05C0-B57A1A3B9AE5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0731" y="526098"/>
            <a:ext cx="11400591" cy="6191637"/>
          </a:xfr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F418125-1BB7-0D6D-F109-87973F453C1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F8C7764-D48D-482B-8C7C-5F8811CCB35E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6C8B9FE-5FF8-7050-88DC-F172709B2A0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1222356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AC14659-8B00-1966-675F-B225D72183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ordan spotter man phishing mails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65A922A-CC11-B503-BB53-B13DDDCB9B5A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5400" dirty="0"/>
              <a:t>Der er noget på spil</a:t>
            </a:r>
          </a:p>
          <a:p>
            <a:r>
              <a:rPr lang="da-DK" sz="5400" dirty="0"/>
              <a:t>”Skæv” afsender</a:t>
            </a:r>
          </a:p>
          <a:p>
            <a:r>
              <a:rPr lang="da-DK" sz="5400" dirty="0"/>
              <a:t>Dårligt sprog</a:t>
            </a:r>
          </a:p>
          <a:p>
            <a:r>
              <a:rPr lang="da-DK" sz="5400" b="1" dirty="0">
                <a:solidFill>
                  <a:srgbClr val="FF0000"/>
                </a:solidFill>
              </a:rPr>
              <a:t>Handling påkrævet</a:t>
            </a:r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9B4D211-333B-B26A-A510-C56C4617F01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DE2D97D-FBDF-4BC8-AD46-F1CE498A6F98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ED1E73F-84E9-C6C9-100A-CE704068DCD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6654634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BE42ECF9-8748-419B-83AF-D08E1154D0D7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166551" y="279133"/>
            <a:ext cx="11104632" cy="6284568"/>
          </a:xfr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0572668-E83F-D827-9132-8119470AAB1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1F15C0D-A18B-4EB5-9252-177229B5AFFB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D3475D2-02C2-7A01-A82E-910A6CAEF52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441894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1F453A5-9DAB-E6F4-1C8D-DB47AF0DFA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gør jeg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F7F3B5E-8D91-8098-3ADC-1EF233188E59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3200" dirty="0"/>
              <a:t>Rapporter mailen som phishing</a:t>
            </a:r>
          </a:p>
          <a:p>
            <a:endParaRPr lang="da-DK" sz="3200" dirty="0"/>
          </a:p>
          <a:p>
            <a:r>
              <a:rPr lang="da-DK" sz="3200" dirty="0"/>
              <a:t>Kontakt Servicedesk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CAFE963F-58AD-E92B-F2A3-92330BDF407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8613C09D-FE71-4DC2-A2CF-F0A64CC9D2A8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EE940EC-580B-E704-3014-17926EB92DE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3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911EC5B-D40D-7137-9A37-263683856D8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65996" y="2230681"/>
            <a:ext cx="4162425" cy="33813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8102586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BE42ECF9-8748-419B-83AF-D08E1154D0D7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166551" y="279133"/>
            <a:ext cx="11104632" cy="6284568"/>
          </a:xfr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0572668-E83F-D827-9132-8119470AAB1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1F15C0D-A18B-4EB5-9252-177229B5AFFB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D3475D2-02C2-7A01-A82E-910A6CAEF52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2936950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D6DA41-7AB1-BBF5-BC35-FEBC63F810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da-DK" dirty="0"/>
              <a:t>Den seneste kampagnes resultater</a:t>
            </a:r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F5361F27-3CE8-1080-FFB5-A4525B872E01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1223273" y="2460976"/>
            <a:ext cx="9038476" cy="814421"/>
          </a:xfr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00E327C-04F5-B36F-A968-4F8AF199F4B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4AFF159-D51F-43F0-93DD-22BBF8832CA4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557517C-19BB-0435-D399-6A9351B4070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3296546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AC14659-8B00-1966-675F-B225D72183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ordan spotter man phishing mails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65A922A-CC11-B503-BB53-B13DDDCB9B5A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5400" dirty="0"/>
              <a:t>Der er noget på spil</a:t>
            </a:r>
          </a:p>
          <a:p>
            <a:r>
              <a:rPr lang="da-DK" sz="5400" dirty="0"/>
              <a:t>”Skæv” afsender</a:t>
            </a:r>
          </a:p>
          <a:p>
            <a:r>
              <a:rPr lang="da-DK" sz="5400" dirty="0"/>
              <a:t>Dårligt sprog</a:t>
            </a:r>
          </a:p>
          <a:p>
            <a:r>
              <a:rPr lang="da-DK" sz="5400" dirty="0"/>
              <a:t>Handling påkrævet</a:t>
            </a:r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9B4D211-333B-B26A-A510-C56C4617F01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DE2D97D-FBDF-4BC8-AD46-F1CE498A6F98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ED1E73F-84E9-C6C9-100A-CE704068DCD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9034458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AC14659-8B00-1966-675F-B225D72183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ordan spotter man phishing mails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65A922A-CC11-B503-BB53-B13DDDCB9B5A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5400" b="1" dirty="0">
                <a:solidFill>
                  <a:srgbClr val="FF0000"/>
                </a:solidFill>
              </a:rPr>
              <a:t>Der er noget på spil</a:t>
            </a:r>
          </a:p>
          <a:p>
            <a:r>
              <a:rPr lang="da-DK" sz="5400" dirty="0"/>
              <a:t>”Skæv” afsender</a:t>
            </a:r>
          </a:p>
          <a:p>
            <a:r>
              <a:rPr lang="da-DK" sz="5400" dirty="0"/>
              <a:t>Dårligt sprog</a:t>
            </a:r>
          </a:p>
          <a:p>
            <a:r>
              <a:rPr lang="da-DK" sz="5400" dirty="0"/>
              <a:t>Handling påkrævet</a:t>
            </a:r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9B4D211-333B-B26A-A510-C56C4617F01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DE2D97D-FBDF-4BC8-AD46-F1CE498A6F98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ED1E73F-84E9-C6C9-100A-CE704068DCD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416465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ladsholder til indhold 6" descr="Et billede, der indeholder tekst, skærmbillede&#10;&#10;Automatisk genereret beskrivelse">
            <a:extLst>
              <a:ext uri="{FF2B5EF4-FFF2-40B4-BE49-F238E27FC236}">
                <a16:creationId xmlns:a16="http://schemas.microsoft.com/office/drawing/2014/main" id="{1AEAC12E-AE75-9C45-155B-05EED9968EF6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9664" y="984165"/>
            <a:ext cx="10961687" cy="3332851"/>
          </a:xfr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CE245F8-9586-E0EE-4120-53AC398737E2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8F7FD19-7037-41E9-9616-78C607F143DD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B573775B-E1EF-E845-0BE0-FC095AFC184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0548695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4F8F305-76E4-64EA-B023-5D51C1B6F1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7" name="Pladsholder til indhold 6" descr="Et billede, der indeholder tekst, skærmbillede, software, Webside&#10;&#10;Automatisk genereret beskrivelse">
            <a:extLst>
              <a:ext uri="{FF2B5EF4-FFF2-40B4-BE49-F238E27FC236}">
                <a16:creationId xmlns:a16="http://schemas.microsoft.com/office/drawing/2014/main" id="{B3623000-0844-8DDB-DACC-59BC305DB631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1594" y="516472"/>
            <a:ext cx="11506078" cy="6211587"/>
          </a:xfr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B5E222A5-9968-FDD0-D545-AD210075ADA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9D8BBDF-19B2-4409-AE1B-9C58C67F213A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5D197C0-058E-28EF-16D7-B000E1F4247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2248253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AC14659-8B00-1966-675F-B225D72183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ordan spotter man phishing mails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65A922A-CC11-B503-BB53-B13DDDCB9B5A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5400" dirty="0"/>
              <a:t>Der er noget på spil</a:t>
            </a:r>
          </a:p>
          <a:p>
            <a:r>
              <a:rPr lang="da-DK" sz="5400" b="1" dirty="0">
                <a:solidFill>
                  <a:srgbClr val="FF0000"/>
                </a:solidFill>
              </a:rPr>
              <a:t>”Skæv” afsender</a:t>
            </a:r>
          </a:p>
          <a:p>
            <a:r>
              <a:rPr lang="da-DK" sz="5400" dirty="0"/>
              <a:t>Dårligt sprog</a:t>
            </a:r>
          </a:p>
          <a:p>
            <a:r>
              <a:rPr lang="da-DK" sz="5400" dirty="0"/>
              <a:t>Handling påkrævet</a:t>
            </a:r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9B4D211-333B-B26A-A510-C56C4617F01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DE2D97D-FBDF-4BC8-AD46-F1CE498A6F98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ED1E73F-84E9-C6C9-100A-CE704068DCD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215650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AC14659-8B00-1966-675F-B225D72183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ordan spotter man phishing mails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65A922A-CC11-B503-BB53-B13DDDCB9B5A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5400" dirty="0"/>
              <a:t>Der er noget på spil</a:t>
            </a:r>
          </a:p>
          <a:p>
            <a:r>
              <a:rPr lang="da-DK" sz="5400" dirty="0"/>
              <a:t>”Skæv” afsender</a:t>
            </a:r>
          </a:p>
          <a:p>
            <a:r>
              <a:rPr lang="da-DK" sz="5400" b="1" dirty="0">
                <a:solidFill>
                  <a:srgbClr val="FF0000"/>
                </a:solidFill>
              </a:rPr>
              <a:t>Dårligt sprog</a:t>
            </a:r>
          </a:p>
          <a:p>
            <a:r>
              <a:rPr lang="da-DK" sz="5400" dirty="0"/>
              <a:t>Handling påkrævet</a:t>
            </a:r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9B4D211-333B-B26A-A510-C56C4617F01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DE2D97D-FBDF-4BC8-AD46-F1CE498A6F98}" type="datetime1">
              <a:rPr lang="da-DK" smtClean="0"/>
              <a:t>17-01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ED1E73F-84E9-C6C9-100A-CE704068DCD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22686400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C5CD5A01-6378-494D-B71B-D23DEC9A120C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36</Words>
  <Application>Microsoft Office PowerPoint</Application>
  <PresentationFormat>Widescreen</PresentationFormat>
  <Paragraphs>56</Paragraphs>
  <Slides>13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6" baseType="lpstr">
      <vt:lpstr>Arial</vt:lpstr>
      <vt:lpstr>Wingdings</vt:lpstr>
      <vt:lpstr>Blank</vt:lpstr>
      <vt:lpstr>Phishing </vt:lpstr>
      <vt:lpstr>PowerPoint-præsentation</vt:lpstr>
      <vt:lpstr>Den seneste kampagnes resultater</vt:lpstr>
      <vt:lpstr>Hvordan spotter man phishing mails?</vt:lpstr>
      <vt:lpstr>Hvordan spotter man phishing mails?</vt:lpstr>
      <vt:lpstr>PowerPoint-præsentation</vt:lpstr>
      <vt:lpstr>PowerPoint-præsentation</vt:lpstr>
      <vt:lpstr>Hvordan spotter man phishing mails?</vt:lpstr>
      <vt:lpstr>Hvordan spotter man phishing mails?</vt:lpstr>
      <vt:lpstr>PowerPoint-præsentation</vt:lpstr>
      <vt:lpstr>Hvordan spotter man phishing mails?</vt:lpstr>
      <vt:lpstr>PowerPoint-præsentation</vt:lpstr>
      <vt:lpstr>Hvad gør jeg?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11-16T12:23:04Z</dcterms:created>
  <dcterms:modified xsi:type="dcterms:W3CDTF">2024-01-17T13:28:0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4T06:37:46</vt:lpwstr>
  </property>
  <property fmtid="{D5CDD505-2E9C-101B-9397-08002B2CF9AE}" pid="3" name="TemplafyTenantId">
    <vt:lpwstr>sdu</vt:lpwstr>
  </property>
  <property fmtid="{D5CDD505-2E9C-101B-9397-08002B2CF9AE}" pid="4" name="TemplafyTemplateId">
    <vt:lpwstr>637925134655816945</vt:lpwstr>
  </property>
  <property fmtid="{D5CDD505-2E9C-101B-9397-08002B2CF9AE}" pid="5" name="TemplafyUserProfileId">
    <vt:lpwstr>637830418523176733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